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008C4007" w14:textId="77777777" w:rsidR="003E04EC" w:rsidRPr="00BB4A8D" w:rsidRDefault="00F979DF" w:rsidP="00441012">
      <w:pPr>
        <w:ind w:right="110"/>
        <w:jc w:val="right"/>
        <w:rPr>
          <w:rFonts w:ascii="ＭＳ 明朝" w:eastAsia="ＭＳ 明朝" w:hAnsi="ＭＳ 明朝"/>
        </w:rPr>
      </w:pPr>
      <w:r>
        <w:rPr>
          <w:rFonts w:ascii="ＭＳ 明朝" w:eastAsia="ＭＳ 明朝" w:hAnsi="ＭＳ 明朝"/>
          <w:noProof/>
        </w:rPr>
        <w:pict w14:anchorId="008C403D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1" type="#_x0000_t75" style="position:absolute;left:0;text-align:left;margin-left:-1.6pt;margin-top:19.5pt;width:210.85pt;height:282.4pt;z-index:251669504;mso-position-horizontal-relative:text;mso-position-vertical-relative:text">
            <v:imagedata r:id="rId6" o:title="放水差し替え" croptop="10164f" cropright="10445f"/>
          </v:shape>
        </w:pict>
      </w:r>
      <w:r w:rsidR="00BB4A8D" w:rsidRPr="00BB4A8D">
        <w:rPr>
          <w:rFonts w:ascii="ＭＳ 明朝" w:eastAsia="ＭＳ 明朝" w:hAnsi="ＭＳ 明朝" w:hint="eastAsia"/>
        </w:rPr>
        <w:t xml:space="preserve">　　　　　　　　　　　　　　　　　　　　　　　　　　　　　　　　　　　　　　</w:t>
      </w:r>
    </w:p>
    <w:p w14:paraId="008C4008" w14:textId="77777777" w:rsidR="00D93BCA" w:rsidRDefault="00704DF9">
      <w:r>
        <w:rPr>
          <w:noProof/>
        </w:rPr>
        <w:drawing>
          <wp:anchor distT="0" distB="0" distL="114300" distR="114300" simplePos="0" relativeHeight="251659264" behindDoc="0" locked="0" layoutInCell="1" allowOverlap="1" wp14:anchorId="008C403E" wp14:editId="008C403F">
            <wp:simplePos x="0" y="0"/>
            <wp:positionH relativeFrom="margin">
              <wp:posOffset>2803740</wp:posOffset>
            </wp:positionH>
            <wp:positionV relativeFrom="paragraph">
              <wp:posOffset>30967</wp:posOffset>
            </wp:positionV>
            <wp:extent cx="2591492" cy="3574472"/>
            <wp:effectExtent l="0" t="0" r="0" b="6985"/>
            <wp:wrapNone/>
            <wp:docPr id="2" name="図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 rotWithShape="1"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623" b="3590"/>
                    <a:stretch/>
                  </pic:blipFill>
                  <pic:spPr bwMode="auto">
                    <a:xfrm>
                      <a:off x="0" y="0"/>
                      <a:ext cx="2592043" cy="35752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008C4009" w14:textId="77777777" w:rsidR="00D93BCA" w:rsidRDefault="00D93BCA"/>
    <w:p w14:paraId="008C400A" w14:textId="77777777" w:rsidR="003C2F04" w:rsidRDefault="003C2F04"/>
    <w:p w14:paraId="008C400B" w14:textId="77777777" w:rsidR="003C2F04" w:rsidRDefault="003C2F04"/>
    <w:p w14:paraId="008C400C" w14:textId="77777777" w:rsidR="003C2F04" w:rsidRDefault="003C2F04"/>
    <w:p w14:paraId="008C400D" w14:textId="77777777" w:rsidR="003C2F04" w:rsidRDefault="003C2F04"/>
    <w:p w14:paraId="008C400E" w14:textId="77777777" w:rsidR="003C2F04" w:rsidRDefault="003C2F04"/>
    <w:p w14:paraId="008C400F" w14:textId="77777777" w:rsidR="003C2F04" w:rsidRDefault="003C2F04"/>
    <w:p w14:paraId="008C4010" w14:textId="77777777" w:rsidR="003C2F04" w:rsidRDefault="003C2F04"/>
    <w:p w14:paraId="008C4011" w14:textId="77777777" w:rsidR="003C2F04" w:rsidRDefault="003C2F04"/>
    <w:p w14:paraId="008C4012" w14:textId="77777777" w:rsidR="003C2F04" w:rsidRDefault="003C2F04"/>
    <w:p w14:paraId="008C4013" w14:textId="77777777" w:rsidR="003C2F04" w:rsidRDefault="003C2F04"/>
    <w:p w14:paraId="008C4014" w14:textId="77777777" w:rsidR="003C2F04" w:rsidRDefault="003C2F04"/>
    <w:p w14:paraId="008C4015" w14:textId="77777777" w:rsidR="003C2F04" w:rsidRDefault="003C2F04"/>
    <w:p w14:paraId="008C4016" w14:textId="77777777" w:rsidR="003C2F04" w:rsidRDefault="003C2F04"/>
    <w:p w14:paraId="008C4017" w14:textId="77777777" w:rsidR="003C2F04" w:rsidRDefault="003C2F04"/>
    <w:p w14:paraId="008C4018" w14:textId="77777777" w:rsidR="003C2F04" w:rsidRDefault="00BB4A8D">
      <w:r>
        <w:rPr>
          <w:noProof/>
        </w:rPr>
        <w:drawing>
          <wp:anchor distT="0" distB="0" distL="114300" distR="114300" simplePos="0" relativeHeight="251658240" behindDoc="0" locked="0" layoutInCell="1" allowOverlap="1" wp14:anchorId="008C4040" wp14:editId="008C4041">
            <wp:simplePos x="0" y="0"/>
            <wp:positionH relativeFrom="margin">
              <wp:align>left</wp:align>
            </wp:positionH>
            <wp:positionV relativeFrom="paragraph">
              <wp:posOffset>225425</wp:posOffset>
            </wp:positionV>
            <wp:extent cx="5350297" cy="4001984"/>
            <wp:effectExtent l="0" t="0" r="3175" b="0"/>
            <wp:wrapNone/>
            <wp:docPr id="1" name="図 1" descr="C:\Users\i4524606\AppData\Local\Microsoft\Windows\INetCache\Content.Word\ダブルチェック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 descr="C:\Users\i4524606\AppData\Local\Microsoft\Windows\INetCache\Content.Word\ダブルチェック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50297" cy="40019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008C4019" w14:textId="77777777" w:rsidR="003C2F04" w:rsidRDefault="003C2F04"/>
    <w:p w14:paraId="008C401A" w14:textId="77777777" w:rsidR="003C2F04" w:rsidRDefault="003C2F04"/>
    <w:p w14:paraId="008C401B" w14:textId="77777777" w:rsidR="003C2F04" w:rsidRDefault="003C2F04"/>
    <w:p w14:paraId="008C401C" w14:textId="77777777" w:rsidR="00BB4A8D" w:rsidRDefault="00BB4A8D"/>
    <w:p w14:paraId="008C401D" w14:textId="77777777" w:rsidR="003C2F04" w:rsidRDefault="003C2F04"/>
    <w:p w14:paraId="008C401E" w14:textId="77777777" w:rsidR="003C2F04" w:rsidRDefault="003C2F04"/>
    <w:p w14:paraId="008C401F" w14:textId="77777777" w:rsidR="003C2F04" w:rsidRDefault="003C2F04"/>
    <w:p w14:paraId="008C4020" w14:textId="77777777" w:rsidR="003C2F04" w:rsidRDefault="003C2F04"/>
    <w:p w14:paraId="008C4021" w14:textId="77777777" w:rsidR="003C2F04" w:rsidRDefault="003C2F04"/>
    <w:p w14:paraId="008C4022" w14:textId="77777777" w:rsidR="003C2F04" w:rsidRDefault="003C2F04"/>
    <w:p w14:paraId="008C4023" w14:textId="77777777" w:rsidR="003C2F04" w:rsidRDefault="003C2F04"/>
    <w:p w14:paraId="008C4024" w14:textId="77777777" w:rsidR="003C2F04" w:rsidRDefault="003C2F04"/>
    <w:p w14:paraId="008C4025" w14:textId="77777777" w:rsidR="003C2F04" w:rsidRDefault="003C2F04"/>
    <w:p w14:paraId="008C4026" w14:textId="77777777" w:rsidR="003C2F04" w:rsidRDefault="003C2F04"/>
    <w:p w14:paraId="008C4027" w14:textId="77777777" w:rsidR="003C2F04" w:rsidRDefault="003C2F04"/>
    <w:p w14:paraId="008C4028" w14:textId="77777777" w:rsidR="003C2F04" w:rsidRDefault="003C2F04"/>
    <w:p w14:paraId="008C4029" w14:textId="77777777" w:rsidR="003C2F04" w:rsidRDefault="003C2F04"/>
    <w:p w14:paraId="008C402A" w14:textId="77777777" w:rsidR="003C2F04" w:rsidRDefault="003C2F04"/>
    <w:p w14:paraId="008C402B" w14:textId="77777777" w:rsidR="003C2F04" w:rsidRDefault="003C2F04"/>
    <w:p w14:paraId="008C402C" w14:textId="77777777" w:rsidR="003C2F04" w:rsidRDefault="00F979DF">
      <w:r>
        <w:rPr>
          <w:noProof/>
        </w:rPr>
        <w:pict w14:anchorId="008C4042">
          <v:shape id="_x0000_s1028" type="#_x0000_t75" style="position:absolute;left:0;text-align:left;margin-left:219.75pt;margin-top:4.25pt;width:205.25pt;height:274.3pt;z-index:251663360;mso-position-horizontal-relative:text;mso-position-vertical-relative:text">
            <v:imagedata r:id="rId9" o:title="はしご"/>
          </v:shape>
        </w:pict>
      </w:r>
      <w:r>
        <w:rPr>
          <w:noProof/>
        </w:rPr>
        <w:pict w14:anchorId="008C4043">
          <v:shape id="_x0000_s1030" type="#_x0000_t75" style="position:absolute;left:0;text-align:left;margin-left:.4pt;margin-top:4.25pt;width:205.85pt;height:274.3pt;z-index:251667456;mso-position-horizontal-relative:text;mso-position-vertical-relative:text">
            <v:imagedata r:id="rId10" o:title="はしご２"/>
          </v:shape>
        </w:pict>
      </w:r>
    </w:p>
    <w:p w14:paraId="008C402D" w14:textId="77777777" w:rsidR="003C2F04" w:rsidRDefault="003C2F04"/>
    <w:p w14:paraId="008C402E" w14:textId="77777777" w:rsidR="00D93BCA" w:rsidRDefault="00D93BCA"/>
    <w:p w14:paraId="008C402F" w14:textId="77777777" w:rsidR="00704DF9" w:rsidRDefault="00704DF9"/>
    <w:p w14:paraId="008C4030" w14:textId="77777777" w:rsidR="00704DF9" w:rsidRDefault="00704DF9"/>
    <w:p w14:paraId="008C4031" w14:textId="77777777" w:rsidR="00704DF9" w:rsidRDefault="00704DF9"/>
    <w:p w14:paraId="008C4032" w14:textId="77777777" w:rsidR="00704DF9" w:rsidRDefault="00704DF9"/>
    <w:p w14:paraId="008C4033" w14:textId="77777777" w:rsidR="00704DF9" w:rsidRDefault="00704DF9"/>
    <w:p w14:paraId="008C4034" w14:textId="77777777" w:rsidR="00704DF9" w:rsidRDefault="00704DF9"/>
    <w:p w14:paraId="008C4035" w14:textId="77777777" w:rsidR="00704DF9" w:rsidRDefault="00704DF9"/>
    <w:p w14:paraId="008C4036" w14:textId="77777777" w:rsidR="00704DF9" w:rsidRDefault="00704DF9"/>
    <w:p w14:paraId="008C4037" w14:textId="77777777" w:rsidR="00704DF9" w:rsidRDefault="00704DF9"/>
    <w:p w14:paraId="008C4038" w14:textId="77777777" w:rsidR="00704DF9" w:rsidRDefault="00704DF9"/>
    <w:p w14:paraId="008C4039" w14:textId="77777777" w:rsidR="00704DF9" w:rsidRDefault="00704DF9"/>
    <w:p w14:paraId="008C403A" w14:textId="77777777" w:rsidR="00704DF9" w:rsidRDefault="00704DF9"/>
    <w:p w14:paraId="008C403B" w14:textId="77777777" w:rsidR="00704DF9" w:rsidRDefault="00704DF9"/>
    <w:p w14:paraId="008C403C" w14:textId="77777777" w:rsidR="00704DF9" w:rsidRDefault="00BB4A8D">
      <w:r>
        <w:rPr>
          <w:rFonts w:hint="eastAsia"/>
          <w:noProof/>
        </w:rPr>
        <w:drawing>
          <wp:anchor distT="0" distB="0" distL="114300" distR="114300" simplePos="0" relativeHeight="251670528" behindDoc="0" locked="0" layoutInCell="1" allowOverlap="1" wp14:anchorId="008C4044" wp14:editId="3442DF27">
            <wp:simplePos x="0" y="0"/>
            <wp:positionH relativeFrom="margin">
              <wp:align>center</wp:align>
            </wp:positionH>
            <wp:positionV relativeFrom="paragraph">
              <wp:posOffset>102870</wp:posOffset>
            </wp:positionV>
            <wp:extent cx="5391150" cy="4038600"/>
            <wp:effectExtent l="0" t="0" r="0" b="0"/>
            <wp:wrapNone/>
            <wp:docPr id="3" name="図 3" descr="C:\Users\i4524606\AppData\Local\Microsoft\Windows\INetCache\Content.Word\室内写真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2" descr="C:\Users\i4524606\AppData\Local\Microsoft\Windows\INetCache\Content.Word\室内写真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1150" cy="4038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sectPr w:rsidR="00704DF9">
      <w:headerReference w:type="even" r:id="rId12"/>
      <w:headerReference w:type="default" r:id="rId13"/>
      <w:footerReference w:type="even" r:id="rId14"/>
      <w:footerReference w:type="default" r:id="rId15"/>
      <w:headerReference w:type="first" r:id="rId16"/>
      <w:footerReference w:type="first" r:id="rId17"/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008C4048" w14:textId="77777777" w:rsidR="00AB76CA" w:rsidRDefault="00AB76CA" w:rsidP="00E238E6">
      <w:r>
        <w:separator/>
      </w:r>
    </w:p>
  </w:endnote>
  <w:endnote w:type="continuationSeparator" w:id="0">
    <w:p w14:paraId="008C4049" w14:textId="77777777" w:rsidR="00AB76CA" w:rsidRDefault="00AB76CA" w:rsidP="00E238E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5634EB4" w14:textId="77777777" w:rsidR="00F979DF" w:rsidRDefault="00F979DF">
    <w:pPr>
      <w:pStyle w:val="a5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743CC21" w14:textId="77777777" w:rsidR="00F979DF" w:rsidRDefault="00F979DF">
    <w:pPr>
      <w:pStyle w:val="a5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F1E73A4" w14:textId="77777777" w:rsidR="00F979DF" w:rsidRDefault="00F979DF">
    <w:pPr>
      <w:pStyle w:val="a5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008C4046" w14:textId="77777777" w:rsidR="00AB76CA" w:rsidRDefault="00AB76CA" w:rsidP="00E238E6">
      <w:r>
        <w:separator/>
      </w:r>
    </w:p>
  </w:footnote>
  <w:footnote w:type="continuationSeparator" w:id="0">
    <w:p w14:paraId="008C4047" w14:textId="77777777" w:rsidR="00AB76CA" w:rsidRDefault="00AB76CA" w:rsidP="00E238E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F170815" w14:textId="77777777" w:rsidR="00F979DF" w:rsidRDefault="00F979DF">
    <w:pPr>
      <w:pStyle w:val="a3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8280309" w14:textId="7416A147" w:rsidR="00F979DF" w:rsidRDefault="00F979DF" w:rsidP="00F979DF">
    <w:pPr>
      <w:pStyle w:val="a3"/>
      <w:ind w:right="220"/>
      <w:jc w:val="right"/>
      <w:rPr>
        <w:rFonts w:ascii="ＭＳ 明朝" w:eastAsia="ＭＳ 明朝" w:hAnsi="ＭＳ 明朝"/>
        <w:sz w:val="22"/>
      </w:rPr>
    </w:pPr>
    <w:r>
      <w:rPr>
        <w:rFonts w:ascii="ＭＳ 明朝" w:eastAsia="ＭＳ 明朝" w:hAnsi="ＭＳ 明朝" w:hint="eastAsia"/>
        <w:sz w:val="22"/>
      </w:rPr>
      <w:t>別紙</w:t>
    </w:r>
  </w:p>
  <w:p w14:paraId="66846756" w14:textId="77777777" w:rsidR="00F979DF" w:rsidRDefault="00F979DF" w:rsidP="00E238E6">
    <w:pPr>
      <w:pStyle w:val="a3"/>
      <w:jc w:val="center"/>
      <w:rPr>
        <w:rFonts w:ascii="ＭＳ 明朝" w:eastAsia="ＭＳ 明朝" w:hAnsi="ＭＳ 明朝"/>
        <w:sz w:val="22"/>
      </w:rPr>
    </w:pPr>
  </w:p>
  <w:p w14:paraId="008C404A" w14:textId="3560B577" w:rsidR="00E238E6" w:rsidRPr="00E238E6" w:rsidRDefault="00F979DF" w:rsidP="00E238E6">
    <w:pPr>
      <w:pStyle w:val="a3"/>
      <w:jc w:val="center"/>
      <w:rPr>
        <w:rFonts w:ascii="ＭＳ 明朝" w:eastAsia="ＭＳ 明朝" w:hAnsi="ＭＳ 明朝"/>
        <w:sz w:val="22"/>
      </w:rPr>
    </w:pPr>
    <w:r>
      <w:rPr>
        <w:rFonts w:ascii="ＭＳ 明朝" w:eastAsia="ＭＳ 明朝" w:hAnsi="ＭＳ 明朝" w:hint="eastAsia"/>
        <w:sz w:val="22"/>
      </w:rPr>
      <w:t>「第９回</w:t>
    </w:r>
    <w:r w:rsidR="00441012">
      <w:rPr>
        <w:rFonts w:ascii="ＭＳ 明朝" w:eastAsia="ＭＳ 明朝" w:hAnsi="ＭＳ 明朝" w:hint="eastAsia"/>
        <w:sz w:val="22"/>
      </w:rPr>
      <w:t>大阪府</w:t>
    </w:r>
    <w:r w:rsidR="00E238E6">
      <w:rPr>
        <w:rFonts w:ascii="ＭＳ 明朝" w:eastAsia="ＭＳ 明朝" w:hAnsi="ＭＳ 明朝" w:hint="eastAsia"/>
        <w:sz w:val="22"/>
      </w:rPr>
      <w:t xml:space="preserve">下警防技術指導会 </w:t>
    </w:r>
    <w:r>
      <w:rPr>
        <w:rFonts w:ascii="ＭＳ 明朝" w:eastAsia="ＭＳ 明朝" w:hAnsi="ＭＳ 明朝" w:hint="eastAsia"/>
        <w:sz w:val="22"/>
      </w:rPr>
      <w:t>実施</w:t>
    </w:r>
    <w:r w:rsidR="00E238E6">
      <w:rPr>
        <w:rFonts w:ascii="ＭＳ 明朝" w:eastAsia="ＭＳ 明朝" w:hAnsi="ＭＳ 明朝" w:hint="eastAsia"/>
        <w:sz w:val="22"/>
      </w:rPr>
      <w:t>風景</w:t>
    </w:r>
    <w:r>
      <w:rPr>
        <w:rFonts w:ascii="ＭＳ 明朝" w:eastAsia="ＭＳ 明朝" w:hAnsi="ＭＳ 明朝" w:hint="eastAsia"/>
        <w:sz w:val="22"/>
      </w:rPr>
      <w:t>」</w: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5585E58" w14:textId="77777777" w:rsidR="00F979DF" w:rsidRDefault="00F979DF">
    <w:pPr>
      <w:pStyle w:val="a3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bordersDoNotSurroundHeader/>
  <w:bordersDoNotSurroundFooter/>
  <w:proofState w:spelling="clean" w:grammar="clean"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93BCA"/>
    <w:rsid w:val="00162B32"/>
    <w:rsid w:val="002D6962"/>
    <w:rsid w:val="003C2F04"/>
    <w:rsid w:val="003E04EC"/>
    <w:rsid w:val="00441012"/>
    <w:rsid w:val="0064762F"/>
    <w:rsid w:val="00704DF9"/>
    <w:rsid w:val="00825E1F"/>
    <w:rsid w:val="0092078F"/>
    <w:rsid w:val="00AB76CA"/>
    <w:rsid w:val="00BB4A8D"/>
    <w:rsid w:val="00D93BCA"/>
    <w:rsid w:val="00DF2C85"/>
    <w:rsid w:val="00E238E6"/>
    <w:rsid w:val="00F979D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4:docId w14:val="008C4007"/>
  <w15:chartTrackingRefBased/>
  <w15:docId w15:val="{5BBDA3BB-2659-4A8E-A333-7F899B40E8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E238E6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E238E6"/>
  </w:style>
  <w:style w:type="paragraph" w:styleId="a5">
    <w:name w:val="footer"/>
    <w:basedOn w:val="a"/>
    <w:link w:val="a6"/>
    <w:uiPriority w:val="99"/>
    <w:unhideWhenUsed/>
    <w:rsid w:val="00E238E6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E238E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header" Target="header2.xml"/><Relationship Id="rId1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12" Type="http://schemas.openxmlformats.org/officeDocument/2006/relationships/header" Target="header1.xml"/><Relationship Id="rId17" Type="http://schemas.openxmlformats.org/officeDocument/2006/relationships/footer" Target="footer3.xml"/><Relationship Id="rId2" Type="http://schemas.openxmlformats.org/officeDocument/2006/relationships/settings" Target="settings.xml"/><Relationship Id="rId16" Type="http://schemas.openxmlformats.org/officeDocument/2006/relationships/header" Target="header3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image" Target="media/image6.jpeg"/><Relationship Id="rId5" Type="http://schemas.openxmlformats.org/officeDocument/2006/relationships/endnotes" Target="endnotes.xml"/><Relationship Id="rId15" Type="http://schemas.openxmlformats.org/officeDocument/2006/relationships/footer" Target="footer2.xml"/><Relationship Id="rId10" Type="http://schemas.openxmlformats.org/officeDocument/2006/relationships/image" Target="media/image5.jpeg"/><Relationship Id="rId19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image" Target="media/image4.jpeg"/><Relationship Id="rId14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0</TotalTime>
  <Pages>2</Pages>
  <Words>14</Words>
  <Characters>84</Characters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cp:keywords/>
  <dc:description/>
  <cp:lastPrinted>2022-10-20T05:56:00Z</cp:lastPrinted>
  <dcterms:created xsi:type="dcterms:W3CDTF">2025-07-29T05:16:00Z</dcterms:created>
  <dcterms:modified xsi:type="dcterms:W3CDTF">2026-01-16T11:27:00Z</dcterms:modified>
</cp:coreProperties>
</file>